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03571\Desktop\【編集】★完成データ\zusetsu\"/>
    </mc:Choice>
  </mc:AlternateContent>
  <bookViews>
    <workbookView xWindow="9945" yWindow="30" windowWidth="9945" windowHeight="7725" tabRatio="826"/>
  </bookViews>
  <sheets>
    <sheet name="tochi" sheetId="1" r:id="rId1"/>
  </sheets>
  <definedNames>
    <definedName name="_xlnm.Print_Area" localSheetId="0">tochi!$A$1:$H$56</definedName>
  </definedNames>
  <calcPr calcId="162913"/>
</workbook>
</file>

<file path=xl/sharedStrings.xml><?xml version="1.0" encoding="utf-8"?>
<sst xmlns="http://schemas.openxmlformats.org/spreadsheetml/2006/main" count="14" uniqueCount="14">
  <si>
    <t>国有林</t>
    <rPh sb="0" eb="3">
      <t>コクユウリン</t>
    </rPh>
    <phoneticPr fontId="2"/>
  </si>
  <si>
    <t>民有林</t>
    <rPh sb="0" eb="3">
      <t>ミンユウリン</t>
    </rPh>
    <phoneticPr fontId="2"/>
  </si>
  <si>
    <t>森林合計</t>
    <rPh sb="0" eb="2">
      <t>シンリン</t>
    </rPh>
    <rPh sb="2" eb="4">
      <t>ゴウケイ</t>
    </rPh>
    <phoneticPr fontId="2"/>
  </si>
  <si>
    <t>総土地面積</t>
    <rPh sb="0" eb="1">
      <t>ソウ</t>
    </rPh>
    <rPh sb="1" eb="3">
      <t>トチ</t>
    </rPh>
    <rPh sb="3" eb="5">
      <t>メンセキ</t>
    </rPh>
    <phoneticPr fontId="2"/>
  </si>
  <si>
    <t>江の川下流</t>
    <rPh sb="0" eb="1">
      <t>ゴウ</t>
    </rPh>
    <rPh sb="2" eb="3">
      <t>カワ</t>
    </rPh>
    <rPh sb="3" eb="5">
      <t>カリュウ</t>
    </rPh>
    <phoneticPr fontId="2"/>
  </si>
  <si>
    <t>対森林面積（％）</t>
    <rPh sb="0" eb="1">
      <t>タイ</t>
    </rPh>
    <rPh sb="1" eb="3">
      <t>シンリン</t>
    </rPh>
    <rPh sb="3" eb="5">
      <t>メンセキ</t>
    </rPh>
    <phoneticPr fontId="2"/>
  </si>
  <si>
    <t>対土地面積（％）</t>
    <rPh sb="0" eb="1">
      <t>タイ</t>
    </rPh>
    <rPh sb="1" eb="3">
      <t>トチ</t>
    </rPh>
    <rPh sb="3" eb="5">
      <t>メンセキ</t>
    </rPh>
    <phoneticPr fontId="2"/>
  </si>
  <si>
    <t>斐伊川</t>
    <rPh sb="0" eb="3">
      <t>ヒイカワ</t>
    </rPh>
    <phoneticPr fontId="2"/>
  </si>
  <si>
    <t>隠岐</t>
    <rPh sb="0" eb="2">
      <t>オキ</t>
    </rPh>
    <phoneticPr fontId="2"/>
  </si>
  <si>
    <t>高津川</t>
    <rPh sb="0" eb="2">
      <t>タカツ</t>
    </rPh>
    <rPh sb="2" eb="3">
      <t>ガワ</t>
    </rPh>
    <phoneticPr fontId="2"/>
  </si>
  <si>
    <t>島根県計</t>
    <rPh sb="0" eb="1">
      <t>シマ</t>
    </rPh>
    <rPh sb="1" eb="2">
      <t>ネ</t>
    </rPh>
    <rPh sb="2" eb="3">
      <t>ケン</t>
    </rPh>
    <rPh sb="3" eb="4">
      <t>ケイ</t>
    </rPh>
    <phoneticPr fontId="2"/>
  </si>
  <si>
    <t>森林計 画 区</t>
    <rPh sb="0" eb="1">
      <t>モリ</t>
    </rPh>
    <rPh sb="1" eb="2">
      <t>ハヤシ</t>
    </rPh>
    <rPh sb="2" eb="3">
      <t>ケイ</t>
    </rPh>
    <rPh sb="4" eb="5">
      <t>ガ</t>
    </rPh>
    <rPh sb="6" eb="7">
      <t>ク</t>
    </rPh>
    <phoneticPr fontId="2"/>
  </si>
  <si>
    <t>耕地</t>
    <rPh sb="0" eb="2">
      <t>コウチ</t>
    </rPh>
    <phoneticPr fontId="2"/>
  </si>
  <si>
    <t>その他</t>
    <rPh sb="2" eb="3">
      <t>タ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80" formatCode="#,##0_ "/>
    <numFmt numFmtId="189" formatCode="0_ ;[Red]\-0\ "/>
  </numFmts>
  <fonts count="7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9"/>
      <name val="ＭＳ 明朝"/>
      <family val="1"/>
      <charset val="128"/>
    </font>
    <font>
      <sz val="12"/>
      <name val="ＭＳ 明朝"/>
      <family val="1"/>
      <charset val="128"/>
    </font>
    <font>
      <sz val="11"/>
      <name val="ＭＳ 明朝"/>
      <family val="1"/>
      <charset val="128"/>
    </font>
    <font>
      <sz val="18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9">
    <xf numFmtId="0" fontId="0" fillId="0" borderId="0" xfId="0"/>
    <xf numFmtId="180" fontId="5" fillId="0" borderId="0" xfId="0" applyNumberFormat="1" applyFont="1" applyAlignment="1">
      <alignment vertical="center"/>
    </xf>
    <xf numFmtId="180" fontId="4" fillId="0" borderId="0" xfId="0" applyNumberFormat="1" applyFont="1" applyAlignment="1">
      <alignment vertical="center"/>
    </xf>
    <xf numFmtId="180" fontId="3" fillId="0" borderId="0" xfId="0" applyNumberFormat="1" applyFont="1" applyAlignment="1">
      <alignment horizontal="right" vertical="center"/>
    </xf>
    <xf numFmtId="180" fontId="3" fillId="0" borderId="1" xfId="0" applyNumberFormat="1" applyFont="1" applyBorder="1" applyAlignment="1">
      <alignment horizontal="center" vertical="center"/>
    </xf>
    <xf numFmtId="180" fontId="3" fillId="0" borderId="2" xfId="0" applyNumberFormat="1" applyFont="1" applyBorder="1" applyAlignment="1">
      <alignment horizontal="center" vertical="center"/>
    </xf>
    <xf numFmtId="180" fontId="3" fillId="0" borderId="3" xfId="0" applyNumberFormat="1" applyFont="1" applyBorder="1" applyAlignment="1">
      <alignment horizontal="center" vertical="center"/>
    </xf>
    <xf numFmtId="9" fontId="3" fillId="0" borderId="4" xfId="0" applyNumberFormat="1" applyFont="1" applyBorder="1" applyAlignment="1">
      <alignment vertical="center"/>
    </xf>
    <xf numFmtId="9" fontId="3" fillId="0" borderId="5" xfId="0" applyNumberFormat="1" applyFont="1" applyBorder="1" applyAlignment="1">
      <alignment vertical="center"/>
    </xf>
    <xf numFmtId="9" fontId="3" fillId="0" borderId="2" xfId="0" applyNumberFormat="1" applyFont="1" applyBorder="1" applyAlignment="1">
      <alignment vertical="center"/>
    </xf>
    <xf numFmtId="9" fontId="3" fillId="0" borderId="6" xfId="0" applyNumberFormat="1" applyFont="1" applyBorder="1" applyAlignment="1">
      <alignment vertical="center"/>
    </xf>
    <xf numFmtId="180" fontId="4" fillId="0" borderId="0" xfId="0" applyNumberFormat="1" applyFont="1" applyFill="1" applyBorder="1" applyAlignment="1">
      <alignment horizontal="left"/>
    </xf>
    <xf numFmtId="180" fontId="5" fillId="0" borderId="0" xfId="0" applyNumberFormat="1" applyFont="1"/>
    <xf numFmtId="180" fontId="4" fillId="0" borderId="0" xfId="0" applyNumberFormat="1" applyFont="1" applyAlignment="1">
      <alignment horizontal="right"/>
    </xf>
    <xf numFmtId="180" fontId="5" fillId="0" borderId="0" xfId="0" applyNumberFormat="1" applyFont="1" applyAlignment="1">
      <alignment horizontal="right"/>
    </xf>
    <xf numFmtId="180" fontId="4" fillId="0" borderId="0" xfId="0" applyNumberFormat="1" applyFont="1"/>
    <xf numFmtId="180" fontId="5" fillId="0" borderId="7" xfId="0" applyNumberFormat="1" applyFont="1" applyBorder="1" applyAlignment="1">
      <alignment vertical="center"/>
    </xf>
    <xf numFmtId="180" fontId="5" fillId="0" borderId="8" xfId="0" applyNumberFormat="1" applyFont="1" applyBorder="1" applyAlignment="1">
      <alignment vertical="center"/>
    </xf>
    <xf numFmtId="180" fontId="3" fillId="0" borderId="8" xfId="0" applyNumberFormat="1" applyFont="1" applyBorder="1" applyAlignment="1">
      <alignment horizontal="center" vertical="center"/>
    </xf>
    <xf numFmtId="180" fontId="3" fillId="0" borderId="9" xfId="0" applyNumberFormat="1" applyFont="1" applyBorder="1" applyAlignment="1">
      <alignment horizontal="center" vertical="center"/>
    </xf>
    <xf numFmtId="180" fontId="3" fillId="0" borderId="7" xfId="0" applyNumberFormat="1" applyFont="1" applyBorder="1" applyAlignment="1">
      <alignment horizontal="center" vertical="center"/>
    </xf>
    <xf numFmtId="180" fontId="5" fillId="0" borderId="10" xfId="0" applyNumberFormat="1" applyFont="1" applyBorder="1" applyAlignment="1">
      <alignment vertical="center"/>
    </xf>
    <xf numFmtId="189" fontId="3" fillId="0" borderId="1" xfId="1" applyNumberFormat="1" applyFont="1" applyBorder="1" applyAlignment="1">
      <alignment vertical="center"/>
    </xf>
    <xf numFmtId="189" fontId="3" fillId="0" borderId="3" xfId="1" applyNumberFormat="1" applyFont="1" applyBorder="1" applyAlignment="1">
      <alignment vertical="center"/>
    </xf>
    <xf numFmtId="180" fontId="3" fillId="0" borderId="11" xfId="0" applyNumberFormat="1" applyFont="1" applyBorder="1" applyAlignment="1">
      <alignment horizontal="center" vertical="center"/>
    </xf>
    <xf numFmtId="180" fontId="3" fillId="0" borderId="9" xfId="0" applyNumberFormat="1" applyFont="1" applyBorder="1" applyAlignment="1">
      <alignment horizontal="center" vertical="center"/>
    </xf>
    <xf numFmtId="180" fontId="3" fillId="0" borderId="8" xfId="0" applyNumberFormat="1" applyFont="1" applyBorder="1" applyAlignment="1">
      <alignment horizontal="center" vertical="center"/>
    </xf>
    <xf numFmtId="180" fontId="3" fillId="0" borderId="6" xfId="0" applyNumberFormat="1" applyFont="1" applyBorder="1" applyAlignment="1">
      <alignment horizontal="center" vertical="center"/>
    </xf>
    <xf numFmtId="180" fontId="6" fillId="0" borderId="0" xfId="0" applyNumberFormat="1" applyFont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090000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090000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0"/>
  </sheetPr>
  <dimension ref="A2:I55"/>
  <sheetViews>
    <sheetView tabSelected="1" view="pageBreakPreview" zoomScaleNormal="100" workbookViewId="0"/>
  </sheetViews>
  <sheetFormatPr defaultRowHeight="13.5" x14ac:dyDescent="0.15"/>
  <cols>
    <col min="1" max="1" width="1" style="12" customWidth="1"/>
    <col min="2" max="2" width="22.375" style="12" bestFit="1" customWidth="1"/>
    <col min="3" max="3" width="8.625" style="12" bestFit="1" customWidth="1"/>
    <col min="4" max="5" width="9.75" style="12" bestFit="1" customWidth="1"/>
    <col min="6" max="6" width="8.625" style="12" bestFit="1" customWidth="1"/>
    <col min="7" max="7" width="9.75" style="12" bestFit="1" customWidth="1"/>
    <col min="8" max="8" width="11.125" style="12" bestFit="1" customWidth="1"/>
    <col min="9" max="16384" width="9" style="12"/>
  </cols>
  <sheetData>
    <row r="2" spans="1:8" s="1" customFormat="1" ht="21" x14ac:dyDescent="0.15">
      <c r="B2" s="28"/>
      <c r="C2" s="28"/>
      <c r="D2" s="28"/>
      <c r="E2" s="28"/>
      <c r="F2" s="28"/>
      <c r="G2" s="28"/>
      <c r="H2" s="28"/>
    </row>
    <row r="3" spans="1:8" s="1" customFormat="1" ht="16.5" customHeight="1" x14ac:dyDescent="0.15">
      <c r="A3" s="2"/>
    </row>
    <row r="4" spans="1:8" s="1" customFormat="1" ht="12.95" customHeight="1" x14ac:dyDescent="0.15">
      <c r="A4" s="21"/>
      <c r="B4" s="21"/>
      <c r="H4" s="3"/>
    </row>
    <row r="5" spans="1:8" s="1" customFormat="1" x14ac:dyDescent="0.15">
      <c r="A5" s="18"/>
      <c r="B5" s="20" t="s">
        <v>11</v>
      </c>
      <c r="C5" s="6" t="s">
        <v>0</v>
      </c>
      <c r="D5" s="4" t="s">
        <v>1</v>
      </c>
      <c r="E5" s="19" t="s">
        <v>2</v>
      </c>
      <c r="F5" s="4" t="s">
        <v>12</v>
      </c>
      <c r="G5" s="4" t="s">
        <v>13</v>
      </c>
      <c r="H5" s="4" t="s">
        <v>3</v>
      </c>
    </row>
    <row r="6" spans="1:8" s="1" customFormat="1" ht="15.95" customHeight="1" x14ac:dyDescent="0.15">
      <c r="A6" s="16"/>
      <c r="B6" s="5" t="s">
        <v>4</v>
      </c>
      <c r="C6" s="22">
        <v>11100.97</v>
      </c>
      <c r="D6" s="22">
        <v>169950.76</v>
      </c>
      <c r="E6" s="22">
        <v>181051.73</v>
      </c>
      <c r="F6" s="22">
        <v>5239</v>
      </c>
      <c r="G6" s="22">
        <v>34036.26999999999</v>
      </c>
      <c r="H6" s="22">
        <v>220327</v>
      </c>
    </row>
    <row r="7" spans="1:8" s="1" customFormat="1" ht="15.95" customHeight="1" x14ac:dyDescent="0.15">
      <c r="A7" s="16"/>
      <c r="B7" s="4" t="s">
        <v>7</v>
      </c>
      <c r="C7" s="22">
        <v>7889.1600000000008</v>
      </c>
      <c r="D7" s="22">
        <v>183727.75</v>
      </c>
      <c r="E7" s="22">
        <v>191616.91</v>
      </c>
      <c r="F7" s="22">
        <v>17417</v>
      </c>
      <c r="G7" s="22">
        <v>69201.09</v>
      </c>
      <c r="H7" s="22">
        <v>278235</v>
      </c>
    </row>
    <row r="8" spans="1:8" s="1" customFormat="1" ht="15.95" customHeight="1" x14ac:dyDescent="0.15">
      <c r="A8" s="16"/>
      <c r="B8" s="4" t="s">
        <v>8</v>
      </c>
      <c r="C8" s="22">
        <v>231.96999999999997</v>
      </c>
      <c r="D8" s="22">
        <v>29504.590000000004</v>
      </c>
      <c r="E8" s="22">
        <v>29736.560000000005</v>
      </c>
      <c r="F8" s="22">
        <v>559</v>
      </c>
      <c r="G8" s="22">
        <v>4296.4399999999951</v>
      </c>
      <c r="H8" s="22">
        <v>34592</v>
      </c>
    </row>
    <row r="9" spans="1:8" s="1" customFormat="1" ht="15.95" customHeight="1" x14ac:dyDescent="0.15">
      <c r="A9" s="16"/>
      <c r="B9" s="4" t="s">
        <v>9</v>
      </c>
      <c r="C9" s="22">
        <v>13043.720000000001</v>
      </c>
      <c r="D9" s="22">
        <v>109070.81000000001</v>
      </c>
      <c r="E9" s="22">
        <v>122114.53000000001</v>
      </c>
      <c r="F9" s="22">
        <v>2534</v>
      </c>
      <c r="G9" s="22">
        <v>13023.469999999987</v>
      </c>
      <c r="H9" s="22">
        <v>137672</v>
      </c>
    </row>
    <row r="10" spans="1:8" s="1" customFormat="1" ht="15.95" customHeight="1" x14ac:dyDescent="0.15">
      <c r="A10" s="17"/>
      <c r="B10" s="6" t="s">
        <v>10</v>
      </c>
      <c r="C10" s="23">
        <v>32265.820000000003</v>
      </c>
      <c r="D10" s="22">
        <v>492253.91000000003</v>
      </c>
      <c r="E10" s="22">
        <v>524519.73</v>
      </c>
      <c r="F10" s="22">
        <v>25749</v>
      </c>
      <c r="G10" s="22">
        <v>120557.27000000002</v>
      </c>
      <c r="H10" s="22">
        <v>670826</v>
      </c>
    </row>
    <row r="11" spans="1:8" s="1" customFormat="1" ht="15.95" customHeight="1" x14ac:dyDescent="0.15">
      <c r="A11" s="24" t="s">
        <v>5</v>
      </c>
      <c r="B11" s="25"/>
      <c r="C11" s="7">
        <v>6.1514978664386953E-2</v>
      </c>
      <c r="D11" s="7">
        <v>0.93848502133561318</v>
      </c>
      <c r="E11" s="7">
        <v>1</v>
      </c>
      <c r="F11" s="7"/>
      <c r="G11" s="7"/>
      <c r="H11" s="8"/>
    </row>
    <row r="12" spans="1:8" s="1" customFormat="1" ht="15.95" customHeight="1" x14ac:dyDescent="0.15">
      <c r="A12" s="26" t="s">
        <v>6</v>
      </c>
      <c r="B12" s="27"/>
      <c r="C12" s="9">
        <v>4.8098642569011939E-2</v>
      </c>
      <c r="D12" s="9">
        <v>0.73380267014099043</v>
      </c>
      <c r="E12" s="9">
        <v>0.78190131271000229</v>
      </c>
      <c r="F12" s="9">
        <v>3.8384022086204173E-2</v>
      </c>
      <c r="G12" s="9">
        <v>0.17971466520379356</v>
      </c>
      <c r="H12" s="10">
        <v>1</v>
      </c>
    </row>
    <row r="15" spans="1:8" ht="12.95" customHeight="1" x14ac:dyDescent="0.15">
      <c r="B15" s="11"/>
      <c r="H15" s="13"/>
    </row>
    <row r="16" spans="1:8" ht="12.95" customHeight="1" x14ac:dyDescent="0.15"/>
    <row r="17" spans="9:9" ht="12.95" customHeight="1" x14ac:dyDescent="0.15"/>
    <row r="18" spans="9:9" ht="12.95" customHeight="1" x14ac:dyDescent="0.15"/>
    <row r="19" spans="9:9" ht="12.95" customHeight="1" x14ac:dyDescent="0.15"/>
    <row r="20" spans="9:9" ht="12.95" customHeight="1" x14ac:dyDescent="0.15"/>
    <row r="21" spans="9:9" ht="12.95" customHeight="1" x14ac:dyDescent="0.15"/>
    <row r="22" spans="9:9" ht="12.95" customHeight="1" x14ac:dyDescent="0.15"/>
    <row r="23" spans="9:9" ht="12.95" customHeight="1" x14ac:dyDescent="0.15"/>
    <row r="24" spans="9:9" ht="12.95" customHeight="1" x14ac:dyDescent="0.15"/>
    <row r="25" spans="9:9" ht="12.95" customHeight="1" x14ac:dyDescent="0.15"/>
    <row r="26" spans="9:9" ht="12.95" customHeight="1" x14ac:dyDescent="0.15"/>
    <row r="27" spans="9:9" ht="12.95" customHeight="1" x14ac:dyDescent="0.15"/>
    <row r="28" spans="9:9" ht="12.95" customHeight="1" x14ac:dyDescent="0.15"/>
    <row r="29" spans="9:9" ht="12.95" customHeight="1" x14ac:dyDescent="0.15"/>
    <row r="30" spans="9:9" ht="12.95" customHeight="1" x14ac:dyDescent="0.15">
      <c r="I30" s="14"/>
    </row>
    <row r="31" spans="9:9" ht="12.95" customHeight="1" x14ac:dyDescent="0.15"/>
    <row r="32" spans="9:9" ht="12.95" customHeight="1" x14ac:dyDescent="0.15"/>
    <row r="33" spans="2:8" ht="12.95" customHeight="1" x14ac:dyDescent="0.15"/>
    <row r="34" spans="2:8" ht="12.95" customHeight="1" x14ac:dyDescent="0.15"/>
    <row r="35" spans="2:8" ht="12.95" customHeight="1" x14ac:dyDescent="0.15"/>
    <row r="36" spans="2:8" ht="12.95" customHeight="1" x14ac:dyDescent="0.15"/>
    <row r="37" spans="2:8" ht="12.95" customHeight="1" x14ac:dyDescent="0.15"/>
    <row r="38" spans="2:8" ht="12.95" customHeight="1" x14ac:dyDescent="0.15">
      <c r="B38" s="15"/>
      <c r="H38" s="13"/>
    </row>
    <row r="39" spans="2:8" ht="12.95" customHeight="1" x14ac:dyDescent="0.15"/>
    <row r="40" spans="2:8" ht="12.95" customHeight="1" x14ac:dyDescent="0.15"/>
    <row r="41" spans="2:8" ht="12.95" customHeight="1" x14ac:dyDescent="0.15"/>
    <row r="42" spans="2:8" ht="12.95" customHeight="1" x14ac:dyDescent="0.15"/>
    <row r="43" spans="2:8" ht="12.95" customHeight="1" x14ac:dyDescent="0.15"/>
    <row r="44" spans="2:8" ht="12.95" customHeight="1" x14ac:dyDescent="0.15"/>
    <row r="45" spans="2:8" ht="12.95" customHeight="1" x14ac:dyDescent="0.15"/>
    <row r="46" spans="2:8" ht="12.95" customHeight="1" x14ac:dyDescent="0.15"/>
    <row r="47" spans="2:8" ht="12.95" customHeight="1" x14ac:dyDescent="0.15"/>
    <row r="48" spans="2:8" ht="12.95" customHeight="1" x14ac:dyDescent="0.15"/>
    <row r="49" ht="12.95" customHeight="1" x14ac:dyDescent="0.15"/>
    <row r="50" ht="12.95" customHeight="1" x14ac:dyDescent="0.15"/>
    <row r="51" ht="12.95" customHeight="1" x14ac:dyDescent="0.15"/>
    <row r="52" ht="12.95" customHeight="1" x14ac:dyDescent="0.15"/>
    <row r="53" ht="12.95" customHeight="1" x14ac:dyDescent="0.15"/>
    <row r="54" ht="12.95" customHeight="1" x14ac:dyDescent="0.15"/>
    <row r="55" ht="12.95" customHeight="1" x14ac:dyDescent="0.15"/>
  </sheetData>
  <mergeCells count="3">
    <mergeCell ref="A11:B11"/>
    <mergeCell ref="A12:B12"/>
    <mergeCell ref="B2:H2"/>
  </mergeCells>
  <phoneticPr fontId="2"/>
  <printOptions horizontalCentered="1" verticalCentered="1"/>
  <pageMargins left="0.78740157480314965" right="0.78740157480314965" top="0.98425196850393704" bottom="0.98425196850393704" header="0.51181102362204722" footer="0.51181102362204722"/>
  <pageSetup paperSize="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tochi</vt:lpstr>
      <vt:lpstr>tochi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長野　純子</dc:creator>
  <cp:lastModifiedBy>Windows ユーザー</cp:lastModifiedBy>
  <cp:lastPrinted>2019-08-05T01:27:10Z</cp:lastPrinted>
  <dcterms:created xsi:type="dcterms:W3CDTF">1997-01-08T22:48:59Z</dcterms:created>
  <dcterms:modified xsi:type="dcterms:W3CDTF">2019-08-28T00:39:16Z</dcterms:modified>
</cp:coreProperties>
</file>